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virke-my.sharepoint.com/personal/ann_torunn_tallaksen_virke_no/Documents/. LOK-Legesentre/2022-revisjon LOK-Legesentre/"/>
    </mc:Choice>
  </mc:AlternateContent>
  <xr:revisionPtr revIDLastSave="30" documentId="8_{CBE05BCC-2576-43DF-B3BE-F3A8AC60514E}" xr6:coauthVersionLast="47" xr6:coauthVersionMax="47" xr10:uidLastSave="{AE3A6A36-2936-449F-BC93-31CDF5D9C1B4}"/>
  <bookViews>
    <workbookView xWindow="-120" yWindow="-120" windowWidth="29040" windowHeight="15720" xr2:uid="{9780480E-F39D-4754-A662-A0237351F623}"/>
  </bookViews>
  <sheets>
    <sheet name="Sentrale tillegg 1.1.2023" sheetId="1" r:id="rId1"/>
    <sheet name="Garantilønnstabell 1.1.2023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2" uniqueCount="32">
  <si>
    <t>Stillingsgrupper</t>
  </si>
  <si>
    <t>0 år</t>
  </si>
  <si>
    <t>2 år</t>
  </si>
  <si>
    <t>4 år</t>
  </si>
  <si>
    <t>6 år</t>
  </si>
  <si>
    <t>8 år</t>
  </si>
  <si>
    <t>10 år</t>
  </si>
  <si>
    <t>16 år</t>
  </si>
  <si>
    <t>Garantilønn</t>
  </si>
  <si>
    <t>Ans.tillegg</t>
  </si>
  <si>
    <t>Stillinger uten særskilt krav til utdanning</t>
  </si>
  <si>
    <t>Lektor og Stillinger med krav om mastergrad</t>
  </si>
  <si>
    <t>Merknad: Ansiennitetstillegget legges i sin helhet til den enkeltes årslønn.</t>
  </si>
  <si>
    <t>Fagarbeiderstillinger/ tilsvarende fagarbeiderstillinger</t>
  </si>
  <si>
    <t>Stillinger med krav om fagbrev og 1-årig fagskoleutdanning</t>
  </si>
  <si>
    <t>Lektor med tilleggsutdanning</t>
  </si>
  <si>
    <t xml:space="preserve">Stillinger uten særskilt krav til utdanning
</t>
  </si>
  <si>
    <t>16 år Ans.tillegg</t>
  </si>
  <si>
    <t>Ans-tillegg</t>
  </si>
  <si>
    <t>Tillegg for ansiennitet</t>
  </si>
  <si>
    <t>Laveste årslønn</t>
  </si>
  <si>
    <t>Fagarbeiderstillinger/ tilsv. fagarbeiderstillinger</t>
  </si>
  <si>
    <t xml:space="preserve">389 000 </t>
  </si>
  <si>
    <t>Adjunkt med tilleggsutdanning og 
Stillinger med krav om 5-årig U/H-utdanning</t>
  </si>
  <si>
    <t>Adjunkt og 
Stillinger med krav om 4-årig U/H-utdanning</t>
  </si>
  <si>
    <t>Lærer og 
Stillinger med krav om 3-årig U/H-utdanning</t>
  </si>
  <si>
    <t>Sentrale tillegg pr. 1. januar 2023</t>
  </si>
  <si>
    <t>Sentrale lønnstillegg – pr. 1. januar 2023</t>
  </si>
  <si>
    <t>Garantilønn og lønnstillegg for ansiennitet pr. 1. januar 2023</t>
  </si>
  <si>
    <t>Endringer fra tabellen pr. 1. mai 2022 er markert med rød skrift.</t>
  </si>
  <si>
    <t>Garantilønn og lønnstillegg for ansiennitet - Tabell pr. 1. januar 2023</t>
  </si>
  <si>
    <t>Gjelder for Landsoverenskomst for legesent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Calibri"/>
      <family val="2"/>
      <scheme val="minor"/>
    </font>
    <font>
      <i/>
      <sz val="10"/>
      <color theme="1"/>
      <name val="Trebuchet MS"/>
      <family val="2"/>
    </font>
    <font>
      <b/>
      <sz val="14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0"/>
      <color rgb="FF000000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i/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0"/>
      <color rgb="FFFF0000"/>
      <name val="Calibri"/>
      <family val="2"/>
      <scheme val="minor"/>
    </font>
    <font>
      <sz val="11"/>
      <color rgb="FFFF0000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D0CECE"/>
        <bgColor indexed="64"/>
      </patternFill>
    </fill>
    <fill>
      <patternFill patternType="solid">
        <fgColor rgb="FFB4C6E7"/>
        <bgColor indexed="64"/>
      </patternFill>
    </fill>
  </fills>
  <borders count="21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rgb="FF000000"/>
      </bottom>
      <diagonal/>
    </border>
    <border>
      <left/>
      <right style="medium">
        <color rgb="FF000000"/>
      </right>
      <top style="medium">
        <color indexed="64"/>
      </top>
      <bottom/>
      <diagonal/>
    </border>
    <border>
      <left/>
      <right style="medium">
        <color rgb="FF000000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rgb="FF000000"/>
      </top>
      <bottom/>
      <diagonal/>
    </border>
    <border>
      <left style="medium">
        <color indexed="64"/>
      </left>
      <right/>
      <top style="medium">
        <color rgb="FF000000"/>
      </top>
      <bottom/>
      <diagonal/>
    </border>
  </borders>
  <cellStyleXfs count="1">
    <xf numFmtId="0" fontId="0" fillId="0" borderId="0"/>
  </cellStyleXfs>
  <cellXfs count="62">
    <xf numFmtId="0" fontId="0" fillId="0" borderId="0" xfId="0"/>
    <xf numFmtId="0" fontId="1" fillId="0" borderId="0" xfId="0" applyFont="1" applyAlignment="1">
      <alignment vertical="center"/>
    </xf>
    <xf numFmtId="0" fontId="2" fillId="0" borderId="0" xfId="0" applyFont="1"/>
    <xf numFmtId="0" fontId="3" fillId="0" borderId="0" xfId="0" applyFont="1"/>
    <xf numFmtId="0" fontId="0" fillId="0" borderId="0" xfId="0" applyAlignment="1">
      <alignment vertical="center"/>
    </xf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2" borderId="9" xfId="0" applyFont="1" applyFill="1" applyBorder="1" applyAlignment="1">
      <alignment horizontal="center" vertical="center" wrapText="1"/>
    </xf>
    <xf numFmtId="0" fontId="4" fillId="2" borderId="8" xfId="0" applyFont="1" applyFill="1" applyBorder="1" applyAlignment="1">
      <alignment horizontal="center" vertical="center" wrapText="1"/>
    </xf>
    <xf numFmtId="0" fontId="5" fillId="0" borderId="9" xfId="0" applyFont="1" applyBorder="1" applyAlignment="1">
      <alignment vertical="center" wrapText="1"/>
    </xf>
    <xf numFmtId="3" fontId="5" fillId="0" borderId="8" xfId="0" applyNumberFormat="1" applyFont="1" applyBorder="1" applyAlignment="1">
      <alignment horizontal="center" vertical="center"/>
    </xf>
    <xf numFmtId="3" fontId="5" fillId="0" borderId="14" xfId="0" applyNumberFormat="1" applyFont="1" applyBorder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4" fillId="2" borderId="10" xfId="0" applyFont="1" applyFill="1" applyBorder="1" applyAlignment="1">
      <alignment horizontal="left" vertical="center" wrapText="1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8" fillId="0" borderId="0" xfId="0" applyFont="1" applyAlignment="1">
      <alignment vertical="center"/>
    </xf>
    <xf numFmtId="0" fontId="8" fillId="0" borderId="0" xfId="0" applyFont="1" applyAlignment="1">
      <alignment horizontal="left" vertical="center"/>
    </xf>
    <xf numFmtId="0" fontId="7" fillId="0" borderId="0" xfId="0" applyFont="1" applyAlignment="1">
      <alignment vertical="center"/>
    </xf>
    <xf numFmtId="0" fontId="4" fillId="2" borderId="11" xfId="0" applyFont="1" applyFill="1" applyBorder="1" applyAlignment="1">
      <alignment horizontal="left" vertical="center" wrapText="1"/>
    </xf>
    <xf numFmtId="0" fontId="4" fillId="2" borderId="14" xfId="0" applyFont="1" applyFill="1" applyBorder="1" applyAlignment="1">
      <alignment horizontal="left" vertical="center" wrapText="1"/>
    </xf>
    <xf numFmtId="0" fontId="4" fillId="2" borderId="14" xfId="0" applyFont="1" applyFill="1" applyBorder="1" applyAlignment="1">
      <alignment horizontal="center" vertical="center" wrapText="1"/>
    </xf>
    <xf numFmtId="0" fontId="4" fillId="2" borderId="8" xfId="0" applyFont="1" applyFill="1" applyBorder="1" applyAlignment="1">
      <alignment horizontal="left" vertical="center" wrapText="1"/>
    </xf>
    <xf numFmtId="3" fontId="5" fillId="3" borderId="8" xfId="0" applyNumberFormat="1" applyFont="1" applyFill="1" applyBorder="1" applyAlignment="1">
      <alignment horizontal="center" vertical="center"/>
    </xf>
    <xf numFmtId="0" fontId="5" fillId="3" borderId="14" xfId="0" applyFont="1" applyFill="1" applyBorder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5" fillId="3" borderId="12" xfId="0" applyFont="1" applyFill="1" applyBorder="1" applyAlignment="1">
      <alignment horizontal="left" vertical="center" wrapText="1"/>
    </xf>
    <xf numFmtId="0" fontId="5" fillId="0" borderId="8" xfId="0" applyFont="1" applyBorder="1" applyAlignment="1">
      <alignment horizontal="left" vertical="center" wrapText="1"/>
    </xf>
    <xf numFmtId="0" fontId="7" fillId="0" borderId="0" xfId="0" applyFont="1"/>
    <xf numFmtId="0" fontId="9" fillId="0" borderId="0" xfId="0" applyFont="1"/>
    <xf numFmtId="3" fontId="5" fillId="0" borderId="10" xfId="0" applyNumberFormat="1" applyFont="1" applyBorder="1" applyAlignment="1">
      <alignment horizontal="center" vertical="center"/>
    </xf>
    <xf numFmtId="3" fontId="5" fillId="0" borderId="11" xfId="0" applyNumberFormat="1" applyFont="1" applyBorder="1" applyAlignment="1">
      <alignment horizontal="center" vertical="center"/>
    </xf>
    <xf numFmtId="3" fontId="5" fillId="0" borderId="12" xfId="0" applyNumberFormat="1" applyFont="1" applyBorder="1" applyAlignment="1">
      <alignment horizontal="center" vertical="center"/>
    </xf>
    <xf numFmtId="3" fontId="5" fillId="0" borderId="4" xfId="0" applyNumberFormat="1" applyFont="1" applyBorder="1" applyAlignment="1">
      <alignment horizontal="center" vertical="center"/>
    </xf>
    <xf numFmtId="3" fontId="5" fillId="0" borderId="0" xfId="0" applyNumberFormat="1" applyFont="1" applyAlignment="1">
      <alignment horizontal="center" vertical="center"/>
    </xf>
    <xf numFmtId="3" fontId="5" fillId="0" borderId="5" xfId="0" applyNumberFormat="1" applyFont="1" applyBorder="1" applyAlignment="1">
      <alignment horizontal="center" vertical="center"/>
    </xf>
    <xf numFmtId="3" fontId="5" fillId="0" borderId="13" xfId="0" applyNumberFormat="1" applyFont="1" applyBorder="1" applyAlignment="1">
      <alignment horizontal="center" vertical="center"/>
    </xf>
    <xf numFmtId="3" fontId="10" fillId="3" borderId="8" xfId="0" applyNumberFormat="1" applyFont="1" applyFill="1" applyBorder="1" applyAlignment="1">
      <alignment horizontal="center" vertical="center"/>
    </xf>
    <xf numFmtId="3" fontId="10" fillId="0" borderId="8" xfId="0" applyNumberFormat="1" applyFont="1" applyBorder="1" applyAlignment="1">
      <alignment horizontal="center" vertical="center"/>
    </xf>
    <xf numFmtId="0" fontId="4" fillId="2" borderId="6" xfId="0" applyFont="1" applyFill="1" applyBorder="1" applyAlignment="1">
      <alignment horizontal="center" vertical="center"/>
    </xf>
    <xf numFmtId="0" fontId="4" fillId="2" borderId="7" xfId="0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5" fillId="0" borderId="19" xfId="0" applyFont="1" applyBorder="1" applyAlignment="1">
      <alignment horizontal="left" vertical="center" wrapText="1"/>
    </xf>
    <xf numFmtId="0" fontId="5" fillId="0" borderId="16" xfId="0" applyFont="1" applyBorder="1" applyAlignment="1">
      <alignment horizontal="left" vertical="center" wrapText="1"/>
    </xf>
    <xf numFmtId="0" fontId="7" fillId="0" borderId="16" xfId="0" applyFont="1" applyBorder="1" applyAlignment="1">
      <alignment horizontal="left" vertical="center" wrapText="1"/>
    </xf>
    <xf numFmtId="3" fontId="5" fillId="0" borderId="20" xfId="0" applyNumberFormat="1" applyFont="1" applyBorder="1" applyAlignment="1">
      <alignment horizontal="center" vertical="center" wrapText="1"/>
    </xf>
    <xf numFmtId="3" fontId="7" fillId="0" borderId="5" xfId="0" applyNumberFormat="1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7" fillId="0" borderId="13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3" fontId="5" fillId="0" borderId="19" xfId="0" applyNumberFormat="1" applyFont="1" applyBorder="1" applyAlignment="1">
      <alignment horizontal="center" vertical="center" wrapText="1"/>
    </xf>
    <xf numFmtId="3" fontId="5" fillId="0" borderId="16" xfId="0" applyNumberFormat="1" applyFont="1" applyBorder="1" applyAlignment="1">
      <alignment horizontal="center" vertical="center" wrapText="1"/>
    </xf>
    <xf numFmtId="0" fontId="4" fillId="2" borderId="2" xfId="0" applyFont="1" applyFill="1" applyBorder="1" applyAlignment="1">
      <alignment horizontal="left" vertical="center" wrapText="1"/>
    </xf>
    <xf numFmtId="0" fontId="4" fillId="2" borderId="3" xfId="0" applyFont="1" applyFill="1" applyBorder="1" applyAlignment="1">
      <alignment horizontal="left" vertical="center" wrapText="1"/>
    </xf>
    <xf numFmtId="0" fontId="4" fillId="2" borderId="16" xfId="0" applyFont="1" applyFill="1" applyBorder="1" applyAlignment="1">
      <alignment horizontal="left" vertical="center" wrapText="1"/>
    </xf>
    <xf numFmtId="0" fontId="4" fillId="2" borderId="15" xfId="0" applyFont="1" applyFill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 wrapText="1"/>
    </xf>
    <xf numFmtId="0" fontId="4" fillId="2" borderId="16" xfId="0" applyFont="1" applyFill="1" applyBorder="1" applyAlignment="1">
      <alignment horizontal="center" vertical="center" wrapText="1"/>
    </xf>
    <xf numFmtId="0" fontId="11" fillId="0" borderId="0" xfId="0" applyFont="1" applyAlignment="1">
      <alignment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0C882C-4D01-4C93-95BA-A51087911739}">
  <dimension ref="A1:H14"/>
  <sheetViews>
    <sheetView tabSelected="1" workbookViewId="0">
      <selection activeCell="L8" sqref="L8"/>
    </sheetView>
  </sheetViews>
  <sheetFormatPr baseColWidth="10" defaultRowHeight="12.75" x14ac:dyDescent="0.2"/>
  <cols>
    <col min="1" max="1" width="35.85546875" style="30" customWidth="1"/>
    <col min="2" max="16384" width="11.42578125" style="30"/>
  </cols>
  <sheetData>
    <row r="1" spans="1:8" s="3" customFormat="1" ht="18.75" x14ac:dyDescent="0.3">
      <c r="A1" s="2" t="s">
        <v>26</v>
      </c>
    </row>
    <row r="2" spans="1:8" x14ac:dyDescent="0.2">
      <c r="A2" s="31"/>
    </row>
    <row r="3" spans="1:8" ht="15" x14ac:dyDescent="0.2">
      <c r="A3" s="1" t="s">
        <v>31</v>
      </c>
    </row>
    <row r="4" spans="1:8" ht="13.5" thickBot="1" x14ac:dyDescent="0.25"/>
    <row r="5" spans="1:8" ht="27.95" customHeight="1" thickBot="1" x14ac:dyDescent="0.25">
      <c r="A5" s="14" t="s">
        <v>0</v>
      </c>
      <c r="B5" s="41" t="s">
        <v>27</v>
      </c>
      <c r="C5" s="42"/>
      <c r="D5" s="42"/>
      <c r="E5" s="42"/>
      <c r="F5" s="42"/>
      <c r="G5" s="42"/>
      <c r="H5" s="43"/>
    </row>
    <row r="6" spans="1:8" ht="27.95" customHeight="1" thickBot="1" x14ac:dyDescent="0.25">
      <c r="A6" s="7"/>
      <c r="B6" s="8" t="s">
        <v>1</v>
      </c>
      <c r="C6" s="8" t="s">
        <v>2</v>
      </c>
      <c r="D6" s="8" t="s">
        <v>3</v>
      </c>
      <c r="E6" s="8" t="s">
        <v>4</v>
      </c>
      <c r="F6" s="8" t="s">
        <v>5</v>
      </c>
      <c r="G6" s="8" t="s">
        <v>6</v>
      </c>
      <c r="H6" s="8" t="s">
        <v>7</v>
      </c>
    </row>
    <row r="7" spans="1:8" ht="27.95" customHeight="1" thickBot="1" x14ac:dyDescent="0.25">
      <c r="A7" s="9" t="s">
        <v>16</v>
      </c>
      <c r="B7" s="10"/>
      <c r="C7" s="10"/>
      <c r="D7" s="10"/>
      <c r="E7" s="10"/>
      <c r="F7" s="10"/>
      <c r="G7" s="10"/>
      <c r="H7" s="10"/>
    </row>
    <row r="8" spans="1:8" ht="27.95" customHeight="1" thickBot="1" x14ac:dyDescent="0.25">
      <c r="A8" s="9" t="s">
        <v>13</v>
      </c>
      <c r="B8" s="32"/>
      <c r="C8" s="33"/>
      <c r="D8" s="34"/>
      <c r="E8" s="10"/>
      <c r="F8" s="10"/>
      <c r="G8" s="10"/>
      <c r="H8" s="10"/>
    </row>
    <row r="9" spans="1:8" ht="27.95" customHeight="1" thickBot="1" x14ac:dyDescent="0.25">
      <c r="A9" s="9" t="s">
        <v>14</v>
      </c>
      <c r="B9" s="35"/>
      <c r="C9" s="36"/>
      <c r="D9" s="11"/>
      <c r="E9" s="10"/>
      <c r="F9" s="10"/>
      <c r="G9" s="10"/>
      <c r="H9" s="10"/>
    </row>
    <row r="10" spans="1:8" ht="27.95" customHeight="1" thickBot="1" x14ac:dyDescent="0.25">
      <c r="A10" s="9" t="s">
        <v>25</v>
      </c>
      <c r="B10" s="35"/>
      <c r="C10" s="36"/>
      <c r="D10" s="11"/>
      <c r="E10" s="10"/>
      <c r="F10" s="10"/>
      <c r="G10" s="10"/>
      <c r="H10" s="10"/>
    </row>
    <row r="11" spans="1:8" ht="27.95" customHeight="1" thickBot="1" x14ac:dyDescent="0.25">
      <c r="A11" s="9" t="s">
        <v>24</v>
      </c>
      <c r="B11" s="35"/>
      <c r="C11" s="36"/>
      <c r="D11" s="11"/>
      <c r="E11" s="10"/>
      <c r="F11" s="10"/>
      <c r="G11" s="10"/>
      <c r="H11" s="10"/>
    </row>
    <row r="12" spans="1:8" ht="27.95" customHeight="1" thickBot="1" x14ac:dyDescent="0.25">
      <c r="A12" s="9" t="s">
        <v>23</v>
      </c>
      <c r="B12" s="35"/>
      <c r="C12" s="36"/>
      <c r="D12" s="11"/>
      <c r="E12" s="10"/>
      <c r="F12" s="10"/>
      <c r="G12" s="10"/>
      <c r="H12" s="10">
        <v>4500</v>
      </c>
    </row>
    <row r="13" spans="1:8" ht="27.95" customHeight="1" thickBot="1" x14ac:dyDescent="0.25">
      <c r="A13" s="9" t="s">
        <v>11</v>
      </c>
      <c r="B13" s="35"/>
      <c r="C13" s="36"/>
      <c r="D13" s="11"/>
      <c r="E13" s="10"/>
      <c r="F13" s="10"/>
      <c r="G13" s="10"/>
      <c r="H13" s="10">
        <v>6000</v>
      </c>
    </row>
    <row r="14" spans="1:8" ht="27.95" customHeight="1" thickBot="1" x14ac:dyDescent="0.25">
      <c r="A14" s="9" t="s">
        <v>15</v>
      </c>
      <c r="B14" s="37"/>
      <c r="C14" s="38"/>
      <c r="D14" s="10"/>
      <c r="E14" s="10"/>
      <c r="F14" s="10"/>
      <c r="G14" s="10"/>
      <c r="H14" s="10">
        <v>7000</v>
      </c>
    </row>
  </sheetData>
  <mergeCells count="1">
    <mergeCell ref="B5:H5"/>
  </mergeCell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D08F77-7697-4AB7-81C1-30CE23637C53}">
  <dimension ref="A1:I27"/>
  <sheetViews>
    <sheetView workbookViewId="0">
      <selection activeCell="A27" sqref="A27"/>
    </sheetView>
  </sheetViews>
  <sheetFormatPr baseColWidth="10" defaultRowHeight="15" x14ac:dyDescent="0.25"/>
  <cols>
    <col min="1" max="1" width="37" style="4" customWidth="1"/>
    <col min="2" max="2" width="18.140625" style="13" customWidth="1"/>
    <col min="3" max="16384" width="11.42578125" style="4"/>
  </cols>
  <sheetData>
    <row r="1" spans="1:9" s="6" customFormat="1" ht="18.75" x14ac:dyDescent="0.25">
      <c r="A1" s="5" t="s">
        <v>30</v>
      </c>
      <c r="B1" s="12"/>
    </row>
    <row r="2" spans="1:9" s="20" customFormat="1" ht="12.75" x14ac:dyDescent="0.25">
      <c r="A2" s="15"/>
      <c r="B2" s="16"/>
    </row>
    <row r="3" spans="1:9" s="20" customFormat="1" ht="12.75" x14ac:dyDescent="0.25">
      <c r="A3" s="15" t="s">
        <v>31</v>
      </c>
      <c r="B3" s="16"/>
    </row>
    <row r="4" spans="1:9" s="20" customFormat="1" ht="13.5" thickBot="1" x14ac:dyDescent="0.3">
      <c r="B4" s="17"/>
    </row>
    <row r="5" spans="1:9" s="20" customFormat="1" ht="18" customHeight="1" thickBot="1" x14ac:dyDescent="0.3">
      <c r="A5" s="55" t="s">
        <v>0</v>
      </c>
      <c r="B5" s="21"/>
      <c r="C5" s="42" t="s">
        <v>28</v>
      </c>
      <c r="D5" s="42"/>
      <c r="E5" s="42"/>
      <c r="F5" s="42"/>
      <c r="G5" s="42"/>
      <c r="H5" s="42"/>
      <c r="I5" s="58"/>
    </row>
    <row r="6" spans="1:9" s="20" customFormat="1" ht="18" customHeight="1" x14ac:dyDescent="0.25">
      <c r="A6" s="56"/>
      <c r="B6" s="22"/>
      <c r="C6" s="59" t="s">
        <v>8</v>
      </c>
      <c r="D6" s="23" t="s">
        <v>2</v>
      </c>
      <c r="E6" s="23" t="s">
        <v>3</v>
      </c>
      <c r="F6" s="23" t="s">
        <v>4</v>
      </c>
      <c r="G6" s="23" t="s">
        <v>5</v>
      </c>
      <c r="H6" s="23" t="s">
        <v>6</v>
      </c>
      <c r="I6" s="59" t="s">
        <v>17</v>
      </c>
    </row>
    <row r="7" spans="1:9" s="20" customFormat="1" ht="18" customHeight="1" thickBot="1" x14ac:dyDescent="0.3">
      <c r="A7" s="57"/>
      <c r="B7" s="24"/>
      <c r="C7" s="60"/>
      <c r="D7" s="8" t="s">
        <v>9</v>
      </c>
      <c r="E7" s="8" t="s">
        <v>9</v>
      </c>
      <c r="F7" s="8" t="s">
        <v>9</v>
      </c>
      <c r="G7" s="8" t="s">
        <v>9</v>
      </c>
      <c r="H7" s="8" t="s">
        <v>18</v>
      </c>
      <c r="I7" s="60"/>
    </row>
    <row r="8" spans="1:9" s="20" customFormat="1" ht="18" customHeight="1" thickBot="1" x14ac:dyDescent="0.3">
      <c r="A8" s="44" t="s">
        <v>10</v>
      </c>
      <c r="B8" s="26" t="s">
        <v>19</v>
      </c>
      <c r="C8" s="53">
        <v>324900</v>
      </c>
      <c r="D8" s="25">
        <v>6500</v>
      </c>
      <c r="E8" s="25">
        <v>2800</v>
      </c>
      <c r="F8" s="25">
        <v>3000</v>
      </c>
      <c r="G8" s="25">
        <v>8100</v>
      </c>
      <c r="H8" s="25">
        <v>46300</v>
      </c>
      <c r="I8" s="25">
        <v>39800</v>
      </c>
    </row>
    <row r="9" spans="1:9" s="20" customFormat="1" ht="18" customHeight="1" thickBot="1" x14ac:dyDescent="0.3">
      <c r="A9" s="45"/>
      <c r="B9" s="27" t="s">
        <v>20</v>
      </c>
      <c r="C9" s="54"/>
      <c r="D9" s="10">
        <v>331400</v>
      </c>
      <c r="E9" s="10">
        <v>334200</v>
      </c>
      <c r="F9" s="10">
        <v>337200</v>
      </c>
      <c r="G9" s="10">
        <v>345300</v>
      </c>
      <c r="H9" s="10">
        <v>391600</v>
      </c>
      <c r="I9" s="10">
        <v>431400</v>
      </c>
    </row>
    <row r="10" spans="1:9" s="20" customFormat="1" ht="18" customHeight="1" thickBot="1" x14ac:dyDescent="0.3">
      <c r="A10" s="44" t="s">
        <v>21</v>
      </c>
      <c r="B10" s="28" t="s">
        <v>19</v>
      </c>
      <c r="C10" s="47" t="s">
        <v>22</v>
      </c>
      <c r="D10" s="49"/>
      <c r="E10" s="51"/>
      <c r="F10" s="25">
        <v>4200</v>
      </c>
      <c r="G10" s="25">
        <v>11400</v>
      </c>
      <c r="H10" s="25">
        <v>43800</v>
      </c>
      <c r="I10" s="25">
        <v>11900</v>
      </c>
    </row>
    <row r="11" spans="1:9" s="20" customFormat="1" ht="18" customHeight="1" thickBot="1" x14ac:dyDescent="0.3">
      <c r="A11" s="45"/>
      <c r="B11" s="27" t="s">
        <v>20</v>
      </c>
      <c r="C11" s="48"/>
      <c r="D11" s="50"/>
      <c r="E11" s="52"/>
      <c r="F11" s="10">
        <v>393200</v>
      </c>
      <c r="G11" s="10">
        <v>404600</v>
      </c>
      <c r="H11" s="10">
        <v>448400</v>
      </c>
      <c r="I11" s="10">
        <v>460300</v>
      </c>
    </row>
    <row r="12" spans="1:9" s="20" customFormat="1" ht="18" customHeight="1" thickBot="1" x14ac:dyDescent="0.3">
      <c r="A12" s="44" t="s">
        <v>14</v>
      </c>
      <c r="B12" s="28" t="s">
        <v>19</v>
      </c>
      <c r="C12" s="47">
        <v>411000</v>
      </c>
      <c r="D12" s="49"/>
      <c r="E12" s="51"/>
      <c r="F12" s="25">
        <v>4200</v>
      </c>
      <c r="G12" s="25">
        <v>11400</v>
      </c>
      <c r="H12" s="25">
        <v>41800</v>
      </c>
      <c r="I12" s="25">
        <v>13000</v>
      </c>
    </row>
    <row r="13" spans="1:9" s="20" customFormat="1" ht="18" customHeight="1" thickBot="1" x14ac:dyDescent="0.3">
      <c r="A13" s="45"/>
      <c r="B13" s="27" t="s">
        <v>20</v>
      </c>
      <c r="C13" s="48"/>
      <c r="D13" s="50"/>
      <c r="E13" s="52"/>
      <c r="F13" s="10">
        <v>415200</v>
      </c>
      <c r="G13" s="10">
        <v>426600</v>
      </c>
      <c r="H13" s="10">
        <v>468400</v>
      </c>
      <c r="I13" s="10">
        <v>481400</v>
      </c>
    </row>
    <row r="14" spans="1:9" s="20" customFormat="1" ht="18" customHeight="1" thickBot="1" x14ac:dyDescent="0.3">
      <c r="A14" s="44" t="s">
        <v>25</v>
      </c>
      <c r="B14" s="28" t="s">
        <v>19</v>
      </c>
      <c r="C14" s="47">
        <v>459100</v>
      </c>
      <c r="D14" s="49"/>
      <c r="E14" s="51"/>
      <c r="F14" s="25">
        <v>10200</v>
      </c>
      <c r="G14" s="25">
        <v>10200</v>
      </c>
      <c r="H14" s="25">
        <v>50400</v>
      </c>
      <c r="I14" s="25">
        <v>8000</v>
      </c>
    </row>
    <row r="15" spans="1:9" s="20" customFormat="1" ht="18" customHeight="1" thickBot="1" x14ac:dyDescent="0.3">
      <c r="A15" s="46"/>
      <c r="B15" s="27" t="s">
        <v>20</v>
      </c>
      <c r="C15" s="48"/>
      <c r="D15" s="50"/>
      <c r="E15" s="52"/>
      <c r="F15" s="10">
        <v>469300</v>
      </c>
      <c r="G15" s="10">
        <v>479500</v>
      </c>
      <c r="H15" s="10">
        <v>529900</v>
      </c>
      <c r="I15" s="10">
        <v>537900</v>
      </c>
    </row>
    <row r="16" spans="1:9" s="20" customFormat="1" ht="18" customHeight="1" thickBot="1" x14ac:dyDescent="0.3">
      <c r="A16" s="44" t="s">
        <v>24</v>
      </c>
      <c r="B16" s="28" t="s">
        <v>19</v>
      </c>
      <c r="C16" s="47">
        <v>500100</v>
      </c>
      <c r="D16" s="49"/>
      <c r="E16" s="51"/>
      <c r="F16" s="25">
        <v>10300</v>
      </c>
      <c r="G16" s="25">
        <v>20200</v>
      </c>
      <c r="H16" s="25">
        <v>22300</v>
      </c>
      <c r="I16" s="25">
        <v>13000</v>
      </c>
    </row>
    <row r="17" spans="1:9" s="20" customFormat="1" ht="18" customHeight="1" thickBot="1" x14ac:dyDescent="0.3">
      <c r="A17" s="46"/>
      <c r="B17" s="27" t="s">
        <v>20</v>
      </c>
      <c r="C17" s="48"/>
      <c r="D17" s="50"/>
      <c r="E17" s="52"/>
      <c r="F17" s="10">
        <v>510400</v>
      </c>
      <c r="G17" s="10">
        <v>530600</v>
      </c>
      <c r="H17" s="10">
        <v>552900</v>
      </c>
      <c r="I17" s="10">
        <v>565900</v>
      </c>
    </row>
    <row r="18" spans="1:9" s="20" customFormat="1" ht="18" customHeight="1" thickBot="1" x14ac:dyDescent="0.3">
      <c r="A18" s="44" t="s">
        <v>23</v>
      </c>
      <c r="B18" s="28" t="s">
        <v>19</v>
      </c>
      <c r="C18" s="47">
        <v>535000</v>
      </c>
      <c r="D18" s="49"/>
      <c r="E18" s="51"/>
      <c r="F18" s="25">
        <v>5100</v>
      </c>
      <c r="G18" s="25">
        <v>12400</v>
      </c>
      <c r="H18" s="25">
        <v>19700</v>
      </c>
      <c r="I18" s="39">
        <v>45000</v>
      </c>
    </row>
    <row r="19" spans="1:9" s="20" customFormat="1" ht="18" customHeight="1" thickBot="1" x14ac:dyDescent="0.3">
      <c r="A19" s="46"/>
      <c r="B19" s="27" t="s">
        <v>20</v>
      </c>
      <c r="C19" s="48"/>
      <c r="D19" s="50"/>
      <c r="E19" s="52"/>
      <c r="F19" s="10">
        <v>540100</v>
      </c>
      <c r="G19" s="10">
        <v>552500</v>
      </c>
      <c r="H19" s="10">
        <v>572200</v>
      </c>
      <c r="I19" s="40">
        <v>617200</v>
      </c>
    </row>
    <row r="20" spans="1:9" s="20" customFormat="1" ht="18" customHeight="1" thickBot="1" x14ac:dyDescent="0.3">
      <c r="A20" s="44" t="s">
        <v>11</v>
      </c>
      <c r="B20" s="28" t="s">
        <v>19</v>
      </c>
      <c r="C20" s="47">
        <v>563800</v>
      </c>
      <c r="D20" s="49"/>
      <c r="E20" s="51"/>
      <c r="F20" s="25">
        <v>5500</v>
      </c>
      <c r="G20" s="25">
        <v>5200</v>
      </c>
      <c r="H20" s="25">
        <v>31200</v>
      </c>
      <c r="I20" s="39">
        <v>61900</v>
      </c>
    </row>
    <row r="21" spans="1:9" s="20" customFormat="1" ht="18" customHeight="1" thickBot="1" x14ac:dyDescent="0.3">
      <c r="A21" s="45"/>
      <c r="B21" s="27" t="s">
        <v>20</v>
      </c>
      <c r="C21" s="48"/>
      <c r="D21" s="50"/>
      <c r="E21" s="52"/>
      <c r="F21" s="10">
        <v>569300</v>
      </c>
      <c r="G21" s="10">
        <v>574500</v>
      </c>
      <c r="H21" s="10">
        <v>605700</v>
      </c>
      <c r="I21" s="40">
        <v>667600</v>
      </c>
    </row>
    <row r="22" spans="1:9" s="20" customFormat="1" ht="18" customHeight="1" thickBot="1" x14ac:dyDescent="0.3">
      <c r="A22" s="44" t="s">
        <v>15</v>
      </c>
      <c r="B22" s="28" t="s">
        <v>19</v>
      </c>
      <c r="C22" s="47">
        <v>582300</v>
      </c>
      <c r="D22" s="49"/>
      <c r="E22" s="51"/>
      <c r="F22" s="25">
        <v>5500</v>
      </c>
      <c r="G22" s="25">
        <v>8000</v>
      </c>
      <c r="H22" s="25">
        <v>29200</v>
      </c>
      <c r="I22" s="39">
        <v>73000</v>
      </c>
    </row>
    <row r="23" spans="1:9" s="20" customFormat="1" ht="18" customHeight="1" thickBot="1" x14ac:dyDescent="0.3">
      <c r="A23" s="45"/>
      <c r="B23" s="29" t="s">
        <v>20</v>
      </c>
      <c r="C23" s="48"/>
      <c r="D23" s="50"/>
      <c r="E23" s="52"/>
      <c r="F23" s="10">
        <v>587800</v>
      </c>
      <c r="G23" s="10">
        <v>595800</v>
      </c>
      <c r="H23" s="10">
        <v>625000</v>
      </c>
      <c r="I23" s="40">
        <v>698000</v>
      </c>
    </row>
    <row r="24" spans="1:9" s="20" customFormat="1" ht="12.75" x14ac:dyDescent="0.25">
      <c r="B24" s="17"/>
    </row>
    <row r="25" spans="1:9" s="20" customFormat="1" ht="12.75" x14ac:dyDescent="0.25">
      <c r="A25" s="18" t="s">
        <v>12</v>
      </c>
      <c r="B25" s="19"/>
    </row>
    <row r="27" spans="1:9" x14ac:dyDescent="0.25">
      <c r="A27" s="61" t="s">
        <v>29</v>
      </c>
    </row>
  </sheetData>
  <mergeCells count="34">
    <mergeCell ref="A5:A7"/>
    <mergeCell ref="C5:I5"/>
    <mergeCell ref="C6:C7"/>
    <mergeCell ref="I6:I7"/>
    <mergeCell ref="C22:C23"/>
    <mergeCell ref="D22:D23"/>
    <mergeCell ref="E22:E23"/>
    <mergeCell ref="D10:D11"/>
    <mergeCell ref="E10:E11"/>
    <mergeCell ref="C12:C13"/>
    <mergeCell ref="D12:D13"/>
    <mergeCell ref="E12:E13"/>
    <mergeCell ref="A8:A9"/>
    <mergeCell ref="C8:C9"/>
    <mergeCell ref="A10:A11"/>
    <mergeCell ref="A12:A13"/>
    <mergeCell ref="C10:C11"/>
    <mergeCell ref="D18:D19"/>
    <mergeCell ref="E18:E19"/>
    <mergeCell ref="C20:C21"/>
    <mergeCell ref="D20:D21"/>
    <mergeCell ref="A20:A21"/>
    <mergeCell ref="E20:E21"/>
    <mergeCell ref="D14:D15"/>
    <mergeCell ref="E14:E15"/>
    <mergeCell ref="C16:C17"/>
    <mergeCell ref="D16:D17"/>
    <mergeCell ref="E16:E17"/>
    <mergeCell ref="A22:A23"/>
    <mergeCell ref="A14:A15"/>
    <mergeCell ref="A16:A17"/>
    <mergeCell ref="A18:A19"/>
    <mergeCell ref="C14:C15"/>
    <mergeCell ref="C18:C19"/>
  </mergeCell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8a49c20a-2fe4-4982-9f09-b4365cf39318" xsi:nil="true"/>
    <lcf76f155ced4ddcb4097134ff3c332f xmlns="93044be4-03e5-4784-90da-be95f976c9af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041247C7857F154FA11E886DACA926D0" ma:contentTypeVersion="11" ma:contentTypeDescription="Opprett et nytt dokument." ma:contentTypeScope="" ma:versionID="71431f630e5ebb7818eb68d173f6b48f">
  <xsd:schema xmlns:xsd="http://www.w3.org/2001/XMLSchema" xmlns:xs="http://www.w3.org/2001/XMLSchema" xmlns:p="http://schemas.microsoft.com/office/2006/metadata/properties" xmlns:ns2="93044be4-03e5-4784-90da-be95f976c9af" xmlns:ns3="73d1a5da-9230-4fca-8acc-77984a66e1bb" xmlns:ns4="8a49c20a-2fe4-4982-9f09-b4365cf39318" targetNamespace="http://schemas.microsoft.com/office/2006/metadata/properties" ma:root="true" ma:fieldsID="c212a0dca2d8c88f6609af1b8984859c" ns2:_="" ns3:_="" ns4:_="">
    <xsd:import namespace="93044be4-03e5-4784-90da-be95f976c9af"/>
    <xsd:import namespace="73d1a5da-9230-4fca-8acc-77984a66e1bb"/>
    <xsd:import namespace="8a49c20a-2fe4-4982-9f09-b4365cf3931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lcf76f155ced4ddcb4097134ff3c332f" minOccurs="0"/>
                <xsd:element ref="ns4:TaxCatchAll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3044be4-03e5-4784-90da-be95f976c9a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5" nillable="true" ma:taxonomy="true" ma:internalName="lcf76f155ced4ddcb4097134ff3c332f" ma:taxonomyFieldName="MediaServiceImageTags" ma:displayName="Bildemerkelapper" ma:readOnly="false" ma:fieldId="{5cf76f15-5ced-4ddc-b409-7134ff3c332f}" ma:taxonomyMulti="true" ma:sspId="26b5c31d-841d-4c4e-a006-1ea9cada7cc8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3d1a5da-9230-4fca-8acc-77984a66e1bb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Delingsdetaljer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49c20a-2fe4-4982-9f09-b4365cf39318" elementFormDefault="qualified">
    <xsd:import namespace="http://schemas.microsoft.com/office/2006/documentManagement/types"/>
    <xsd:import namespace="http://schemas.microsoft.com/office/infopath/2007/PartnerControls"/>
    <xsd:element name="TaxCatchAll" ma:index="16" nillable="true" ma:displayName="Taxonomy Catch All Column" ma:hidden="true" ma:list="{6a91d4e7-f010-428d-be71-b02c386cddfb}" ma:internalName="TaxCatchAll" ma:showField="CatchAllData" ma:web="73d1a5da-9230-4fca-8acc-77984a66e1b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nholdstype"/>
        <xsd:element ref="dc:title" minOccurs="0" maxOccurs="1" ma:index="4" ma:displayName="Tit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3A86EF2-629B-4925-9DD1-EAE178C64D3D}">
  <ds:schemaRefs>
    <ds:schemaRef ds:uri="http://schemas.microsoft.com/office/2006/metadata/properties"/>
    <ds:schemaRef ds:uri="http://schemas.microsoft.com/office/infopath/2007/PartnerControls"/>
    <ds:schemaRef ds:uri="8a49c20a-2fe4-4982-9f09-b4365cf39318"/>
    <ds:schemaRef ds:uri="93044be4-03e5-4784-90da-be95f976c9af"/>
  </ds:schemaRefs>
</ds:datastoreItem>
</file>

<file path=customXml/itemProps2.xml><?xml version="1.0" encoding="utf-8"?>
<ds:datastoreItem xmlns:ds="http://schemas.openxmlformats.org/officeDocument/2006/customXml" ds:itemID="{6831522F-4FDC-4EF8-B3C3-64041E35CD7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ECEDD96-6F4D-45E5-8F92-506191552CF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3044be4-03e5-4784-90da-be95f976c9af"/>
    <ds:schemaRef ds:uri="73d1a5da-9230-4fca-8acc-77984a66e1bb"/>
    <ds:schemaRef ds:uri="8a49c20a-2fe4-4982-9f09-b4365cf3931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2</vt:i4>
      </vt:variant>
    </vt:vector>
  </HeadingPairs>
  <TitlesOfParts>
    <vt:vector size="2" baseType="lpstr">
      <vt:lpstr>Sentrale tillegg 1.1.2023</vt:lpstr>
      <vt:lpstr>Garantilønnstabell 1.1.2023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Ann Torunn Tallaksen</cp:lastModifiedBy>
  <cp:lastPrinted>2020-11-16T21:33:12Z</cp:lastPrinted>
  <dcterms:created xsi:type="dcterms:W3CDTF">2018-09-17T10:17:37Z</dcterms:created>
  <dcterms:modified xsi:type="dcterms:W3CDTF">2023-03-09T07:33:4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150522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219</vt:lpwstr>
  </property>
  <property fmtid="{D5CDD505-2E9C-101B-9397-08002B2CF9AE}" pid="9" name="FileName">
    <vt:lpwstr>19-15210 Lønnssatser 2019 - Landsoverenskomst for helse og sosiale tjenester, barnehager, 1150522_855992_0.XLSX</vt:lpwstr>
  </property>
  <property fmtid="{D5CDD505-2E9C-101B-9397-08002B2CF9AE}" pid="10" name="FullFileName">
    <vt:lpwstr>\\RB-SXD7E-006\360users\work\i04\rb219\19-15210 Lønnssatser 2019 - Landsoverenskomst for helse og sosiale tjenester, barnehager, 1150522_855992_0.XLSX</vt:lpwstr>
  </property>
  <property fmtid="{D5CDD505-2E9C-101B-9397-08002B2CF9AE}" pid="11" name="ContentTypeId">
    <vt:lpwstr>0x010100AE8CEA38D9DE1B4193896065C5BD1EF4</vt:lpwstr>
  </property>
  <property fmtid="{D5CDD505-2E9C-101B-9397-08002B2CF9AE}" pid="12" name="MediaServiceImageTags">
    <vt:lpwstr/>
  </property>
</Properties>
</file>